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DB0DBC6F-874E-4585-8275-F3D89550A9EF}" xr6:coauthVersionLast="47" xr6:coauthVersionMax="47" xr10:uidLastSave="{00000000-0000-0000-0000-000000000000}"/>
  <bookViews>
    <workbookView xWindow="-98" yWindow="-98" windowWidth="20715" windowHeight="13155" xr2:uid="{88B93415-84BC-42B6-A19B-2908CF7B56C5}"/>
  </bookViews>
  <sheets>
    <sheet name="10" sheetId="1" r:id="rId1"/>
  </sheets>
  <definedNames>
    <definedName name="_xlnm._FilterDatabase" localSheetId="0" hidden="1">'10'!$I$8:$O$19</definedName>
    <definedName name="_xlnm.Print_Area" localSheetId="0">'10'!$A$1:$X$66</definedName>
    <definedName name="_xlnm.Print_Titles" localSheetId="0">'1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2" uniqueCount="57">
  <si>
    <t>安野屋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可燃</t>
    <phoneticPr fontId="2"/>
  </si>
  <si>
    <t>プラ
びん</t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rPh sb="0" eb="1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22" fillId="0" borderId="9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953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D7CBA987-A309-4930-980C-1EE9DB6DA3CC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477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8E54E027-36A3-45DC-A12A-C6E3466CADA1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06DEAB-B9A1-4AE9-931A-51B8093DF073}">
  <sheetPr codeName="Sheet10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2" t="s">
        <v>56</v>
      </c>
      <c r="B1" s="113"/>
      <c r="C1" s="113"/>
      <c r="D1" s="114" t="s">
        <v>55</v>
      </c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115" t="s">
        <v>0</v>
      </c>
      <c r="P1" s="115"/>
      <c r="Q1" s="115"/>
      <c r="R1" s="115"/>
      <c r="S1" s="115"/>
      <c r="T1" s="115"/>
      <c r="U1" s="115"/>
      <c r="V1" s="115"/>
      <c r="W1" s="107">
        <v>10</v>
      </c>
    </row>
    <row r="2" spans="1:33" ht="35.1" customHeight="1" x14ac:dyDescent="0.25">
      <c r="A2" s="105"/>
      <c r="B2" s="116" t="s">
        <v>54</v>
      </c>
      <c r="C2" s="117"/>
      <c r="D2" s="117"/>
      <c r="E2" s="110" t="s">
        <v>53</v>
      </c>
      <c r="F2" s="110"/>
      <c r="G2" s="118" t="s">
        <v>52</v>
      </c>
      <c r="H2" s="118"/>
      <c r="I2" s="118"/>
      <c r="J2" s="106" t="s">
        <v>37</v>
      </c>
      <c r="K2" s="105"/>
      <c r="L2" s="104" t="s">
        <v>51</v>
      </c>
      <c r="M2" s="103"/>
      <c r="N2" s="103"/>
      <c r="O2" s="110" t="s">
        <v>47</v>
      </c>
      <c r="P2" s="110"/>
      <c r="Q2" s="111" t="s">
        <v>50</v>
      </c>
      <c r="R2" s="111"/>
      <c r="S2" s="100" t="s">
        <v>30</v>
      </c>
      <c r="T2" s="99" t="s">
        <v>37</v>
      </c>
      <c r="U2" s="119" t="s">
        <v>49</v>
      </c>
      <c r="V2" s="120"/>
      <c r="W2" s="120"/>
      <c r="X2" s="120"/>
    </row>
    <row r="3" spans="1:33" s="89" customFormat="1" ht="35.1" customHeight="1" x14ac:dyDescent="0.25">
      <c r="A3" s="92"/>
      <c r="B3" s="108" t="s">
        <v>48</v>
      </c>
      <c r="C3" s="109"/>
      <c r="D3" s="109"/>
      <c r="E3" s="110" t="s">
        <v>47</v>
      </c>
      <c r="F3" s="110"/>
      <c r="G3" s="110" t="s">
        <v>46</v>
      </c>
      <c r="H3" s="110"/>
      <c r="I3" s="91" t="s">
        <v>45</v>
      </c>
      <c r="J3" s="102" t="s">
        <v>37</v>
      </c>
      <c r="K3" s="101"/>
      <c r="L3" s="116" t="s">
        <v>44</v>
      </c>
      <c r="M3" s="117"/>
      <c r="N3" s="117"/>
      <c r="O3" s="110" t="s">
        <v>43</v>
      </c>
      <c r="P3" s="110"/>
      <c r="Q3" s="121" t="s">
        <v>42</v>
      </c>
      <c r="R3" s="121"/>
      <c r="S3" s="100" t="s">
        <v>30</v>
      </c>
      <c r="T3" s="99" t="s">
        <v>37</v>
      </c>
      <c r="U3" s="119"/>
      <c r="V3" s="120"/>
      <c r="W3" s="120"/>
      <c r="X3" s="120"/>
    </row>
    <row r="4" spans="1:33" s="89" customFormat="1" ht="35.1" customHeight="1" x14ac:dyDescent="0.25">
      <c r="A4" s="92"/>
      <c r="B4" s="98" t="s">
        <v>41</v>
      </c>
      <c r="C4" s="97"/>
      <c r="D4" s="96"/>
      <c r="E4" s="95"/>
      <c r="F4" s="95"/>
      <c r="G4" s="95"/>
      <c r="H4" s="95"/>
      <c r="I4" s="94"/>
      <c r="J4" s="93"/>
      <c r="K4" s="92"/>
      <c r="L4" s="108" t="s">
        <v>40</v>
      </c>
      <c r="M4" s="109"/>
      <c r="N4" s="109"/>
      <c r="O4" s="110" t="s">
        <v>39</v>
      </c>
      <c r="P4" s="110"/>
      <c r="Q4" s="111" t="s">
        <v>38</v>
      </c>
      <c r="R4" s="111"/>
      <c r="S4" s="91" t="s">
        <v>30</v>
      </c>
      <c r="T4" s="90" t="s">
        <v>37</v>
      </c>
      <c r="U4" s="119"/>
      <c r="V4" s="120"/>
      <c r="W4" s="120"/>
      <c r="X4" s="120"/>
    </row>
    <row r="5" spans="1:33" ht="37.5" customHeight="1" thickBot="1" x14ac:dyDescent="0.3">
      <c r="A5" s="88"/>
      <c r="B5" s="98" t="s">
        <v>36</v>
      </c>
      <c r="J5" s="85" t="s">
        <v>35</v>
      </c>
      <c r="K5" s="84"/>
      <c r="L5" s="84"/>
      <c r="M5" s="84"/>
      <c r="N5" s="84"/>
      <c r="O5" s="84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</row>
    <row r="6" spans="1:33" s="84" customFormat="1" ht="39.950000000000003" customHeight="1" thickBot="1" x14ac:dyDescent="0.3">
      <c r="A6" s="57" t="s">
        <v>34</v>
      </c>
      <c r="B6" s="87"/>
      <c r="C6" s="122" t="s">
        <v>33</v>
      </c>
      <c r="D6" s="123"/>
      <c r="E6" s="124"/>
      <c r="K6" s="122" t="s">
        <v>32</v>
      </c>
      <c r="L6" s="123"/>
      <c r="M6" s="124"/>
      <c r="S6" s="122" t="s">
        <v>31</v>
      </c>
      <c r="T6" s="123"/>
      <c r="U6" s="124"/>
      <c r="Y6" s="86"/>
      <c r="AA6" s="85"/>
    </row>
    <row r="7" spans="1:33" s="70" customFormat="1" ht="35.1" customHeight="1" x14ac:dyDescent="0.4">
      <c r="A7" s="82" t="s">
        <v>17</v>
      </c>
      <c r="B7" s="68" t="s">
        <v>16</v>
      </c>
      <c r="C7" s="83" t="s">
        <v>15</v>
      </c>
      <c r="D7" s="68" t="s">
        <v>14</v>
      </c>
      <c r="E7" s="68" t="s">
        <v>13</v>
      </c>
      <c r="F7" s="68" t="s">
        <v>30</v>
      </c>
      <c r="G7" s="81" t="s">
        <v>11</v>
      </c>
      <c r="I7" s="82" t="s">
        <v>17</v>
      </c>
      <c r="J7" s="68" t="s">
        <v>16</v>
      </c>
      <c r="K7" s="68" t="s">
        <v>15</v>
      </c>
      <c r="L7" s="68" t="s">
        <v>14</v>
      </c>
      <c r="M7" s="68" t="s">
        <v>13</v>
      </c>
      <c r="N7" s="68" t="s">
        <v>12</v>
      </c>
      <c r="O7" s="81" t="s">
        <v>11</v>
      </c>
      <c r="Q7" s="82" t="s">
        <v>17</v>
      </c>
      <c r="R7" s="68" t="s">
        <v>16</v>
      </c>
      <c r="S7" s="68" t="s">
        <v>15</v>
      </c>
      <c r="T7" s="68" t="s">
        <v>14</v>
      </c>
      <c r="U7" s="68" t="s">
        <v>13</v>
      </c>
      <c r="V7" s="68" t="s">
        <v>12</v>
      </c>
      <c r="W7" s="81" t="s">
        <v>11</v>
      </c>
      <c r="Y7" s="71"/>
    </row>
    <row r="8" spans="1:33" s="70" customFormat="1" ht="35.1" customHeight="1" x14ac:dyDescent="0.4">
      <c r="A8" s="80">
        <v>0</v>
      </c>
      <c r="B8" s="79">
        <v>0</v>
      </c>
      <c r="C8" s="70">
        <v>0</v>
      </c>
      <c r="D8" s="70">
        <v>1</v>
      </c>
      <c r="E8" s="74">
        <v>2</v>
      </c>
      <c r="F8" s="76">
        <v>3</v>
      </c>
      <c r="G8" s="78">
        <v>4</v>
      </c>
      <c r="I8" s="77">
        <v>0</v>
      </c>
      <c r="J8" s="70">
        <v>0</v>
      </c>
      <c r="K8" s="70">
        <v>0</v>
      </c>
      <c r="L8" s="70">
        <v>0</v>
      </c>
      <c r="M8" s="70">
        <v>0</v>
      </c>
      <c r="N8" s="76">
        <v>1</v>
      </c>
      <c r="O8" s="72">
        <v>2</v>
      </c>
      <c r="Q8" s="75">
        <v>0</v>
      </c>
      <c r="R8" s="74">
        <v>1</v>
      </c>
      <c r="S8" s="70">
        <v>2</v>
      </c>
      <c r="T8" s="70">
        <v>3</v>
      </c>
      <c r="U8" s="74">
        <v>4</v>
      </c>
      <c r="V8" s="73">
        <v>5</v>
      </c>
      <c r="W8" s="72">
        <v>6</v>
      </c>
      <c r="Y8" s="71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29"/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7">
        <v>7</v>
      </c>
      <c r="D10" s="44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8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4">
        <v>10</v>
      </c>
      <c r="U10" s="44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1"/>
      <c r="B11" s="39" t="s">
        <v>4</v>
      </c>
      <c r="C11" s="42"/>
      <c r="D11" s="39" t="s">
        <v>6</v>
      </c>
      <c r="E11" s="39" t="s">
        <v>4</v>
      </c>
      <c r="F11" s="30" t="s">
        <v>5</v>
      </c>
      <c r="G11" s="37"/>
      <c r="I11" s="31"/>
      <c r="J11" s="42"/>
      <c r="K11" s="42"/>
      <c r="L11" s="42"/>
      <c r="M11" s="39" t="s">
        <v>4</v>
      </c>
      <c r="N11" s="30" t="s">
        <v>5</v>
      </c>
      <c r="O11" s="37"/>
      <c r="Q11" s="31"/>
      <c r="R11" s="39" t="s">
        <v>4</v>
      </c>
      <c r="S11" s="40"/>
      <c r="T11" s="39" t="s">
        <v>6</v>
      </c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7">
        <v>14</v>
      </c>
      <c r="D12" s="45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4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5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0"/>
      <c r="D13" s="42"/>
      <c r="E13" s="39" t="s">
        <v>4</v>
      </c>
      <c r="F13" s="30" t="s">
        <v>8</v>
      </c>
      <c r="G13" s="37"/>
      <c r="I13" s="31"/>
      <c r="J13" s="39" t="s">
        <v>4</v>
      </c>
      <c r="K13" s="40"/>
      <c r="L13" s="39" t="s">
        <v>6</v>
      </c>
      <c r="M13" s="39" t="s">
        <v>4</v>
      </c>
      <c r="N13" s="30" t="s">
        <v>8</v>
      </c>
      <c r="O13" s="37"/>
      <c r="Q13" s="31"/>
      <c r="R13" s="39" t="s">
        <v>4</v>
      </c>
      <c r="S13" s="40"/>
      <c r="T13" s="42"/>
      <c r="U13" s="39" t="s">
        <v>4</v>
      </c>
      <c r="V13" s="30" t="s">
        <v>8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7">
        <v>21</v>
      </c>
      <c r="D14" s="44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5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4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0"/>
      <c r="D15" s="39" t="s">
        <v>6</v>
      </c>
      <c r="E15" s="39" t="s">
        <v>4</v>
      </c>
      <c r="F15" s="30" t="s">
        <v>5</v>
      </c>
      <c r="G15" s="37"/>
      <c r="I15" s="31"/>
      <c r="J15" s="39" t="s">
        <v>4</v>
      </c>
      <c r="K15" s="40"/>
      <c r="L15" s="42"/>
      <c r="M15" s="39" t="s">
        <v>4</v>
      </c>
      <c r="N15" s="38" t="s">
        <v>5</v>
      </c>
      <c r="O15" s="37"/>
      <c r="Q15" s="31"/>
      <c r="R15" s="39" t="s">
        <v>4</v>
      </c>
      <c r="S15" s="40"/>
      <c r="T15" s="39" t="s">
        <v>6</v>
      </c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35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2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6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5"/>
      <c r="AA20" s="125"/>
      <c r="AB20" s="125"/>
      <c r="AC20" s="125"/>
      <c r="AD20" s="125"/>
      <c r="AE20" s="125"/>
      <c r="AF20" s="125"/>
      <c r="AG20" s="125"/>
      <c r="AH20" s="125"/>
    </row>
    <row r="21" spans="1:34" s="54" customFormat="1" ht="39.950000000000003" customHeight="1" thickBot="1" x14ac:dyDescent="0.3">
      <c r="C21" s="126" t="s">
        <v>29</v>
      </c>
      <c r="D21" s="127"/>
      <c r="E21" s="128"/>
      <c r="G21" s="55"/>
      <c r="K21" s="129" t="s">
        <v>28</v>
      </c>
      <c r="L21" s="130"/>
      <c r="M21" s="131"/>
      <c r="O21" s="55"/>
      <c r="S21" s="129" t="s">
        <v>27</v>
      </c>
      <c r="T21" s="130"/>
      <c r="U21" s="131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8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6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7">
        <v>0</v>
      </c>
      <c r="O23" s="34">
        <v>1</v>
      </c>
      <c r="Q23" s="36">
        <v>0</v>
      </c>
      <c r="R23" s="23">
        <v>0</v>
      </c>
      <c r="S23" s="23">
        <v>1</v>
      </c>
      <c r="T23" s="23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29"/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4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5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2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2"/>
      <c r="D26" s="39" t="s">
        <v>6</v>
      </c>
      <c r="E26" s="39" t="s">
        <v>4</v>
      </c>
      <c r="F26" s="38" t="s">
        <v>5</v>
      </c>
      <c r="G26" s="37"/>
      <c r="I26" s="31"/>
      <c r="J26" s="39" t="s">
        <v>4</v>
      </c>
      <c r="K26" s="40"/>
      <c r="L26" s="42"/>
      <c r="M26" s="39" t="s">
        <v>4</v>
      </c>
      <c r="N26" s="38" t="s">
        <v>8</v>
      </c>
      <c r="O26" s="37"/>
      <c r="Q26" s="31"/>
      <c r="R26" s="39" t="s">
        <v>4</v>
      </c>
      <c r="S26" s="42"/>
      <c r="T26" s="39" t="s">
        <v>6</v>
      </c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5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4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5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0"/>
      <c r="D28" s="42"/>
      <c r="E28" s="39" t="s">
        <v>4</v>
      </c>
      <c r="F28" s="30" t="s">
        <v>8</v>
      </c>
      <c r="G28" s="37"/>
      <c r="I28" s="31"/>
      <c r="J28" s="39" t="s">
        <v>4</v>
      </c>
      <c r="K28" s="40"/>
      <c r="L28" s="39" t="s">
        <v>6</v>
      </c>
      <c r="M28" s="39" t="s">
        <v>4</v>
      </c>
      <c r="N28" s="30" t="s">
        <v>5</v>
      </c>
      <c r="O28" s="37"/>
      <c r="Q28" s="31"/>
      <c r="R28" s="39" t="s">
        <v>4</v>
      </c>
      <c r="S28" s="40"/>
      <c r="T28" s="42"/>
      <c r="U28" s="39" t="s">
        <v>4</v>
      </c>
      <c r="V28" s="38" t="s">
        <v>8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5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7</v>
      </c>
      <c r="C30" s="40"/>
      <c r="D30" s="39" t="s">
        <v>6</v>
      </c>
      <c r="E30" s="39" t="s">
        <v>4</v>
      </c>
      <c r="F30" s="38" t="s">
        <v>5</v>
      </c>
      <c r="G30" s="37"/>
      <c r="I30" s="31"/>
      <c r="J30" s="39" t="s">
        <v>4</v>
      </c>
      <c r="K30" s="40"/>
      <c r="L30" s="42"/>
      <c r="M30" s="39" t="s">
        <v>4</v>
      </c>
      <c r="N30" s="38" t="s">
        <v>8</v>
      </c>
      <c r="O30" s="37"/>
      <c r="Q30" s="31"/>
      <c r="R30" s="41" t="s">
        <v>7</v>
      </c>
      <c r="S30" s="40"/>
      <c r="T30" s="41" t="s">
        <v>6</v>
      </c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35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66" t="s">
        <v>25</v>
      </c>
      <c r="G32" s="28"/>
      <c r="I32" s="31"/>
      <c r="J32" s="30" t="s">
        <v>4</v>
      </c>
      <c r="K32" s="29"/>
      <c r="L32" s="30" t="s">
        <v>6</v>
      </c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2" t="s">
        <v>0</v>
      </c>
      <c r="P35" s="132"/>
      <c r="Q35" s="132"/>
      <c r="R35" s="132"/>
      <c r="S35" s="132"/>
      <c r="T35" s="132"/>
      <c r="U35" s="132"/>
      <c r="V35" s="132"/>
      <c r="W35" s="8">
        <v>10</v>
      </c>
    </row>
    <row r="36" spans="1:23" s="54" customFormat="1" ht="39.950000000000003" customHeight="1" thickBot="1" x14ac:dyDescent="0.3">
      <c r="C36" s="129" t="s">
        <v>24</v>
      </c>
      <c r="D36" s="130"/>
      <c r="E36" s="131"/>
      <c r="G36" s="64"/>
      <c r="K36" s="129" t="s">
        <v>23</v>
      </c>
      <c r="L36" s="130"/>
      <c r="M36" s="131"/>
      <c r="O36" s="64"/>
      <c r="S36" s="129" t="s">
        <v>22</v>
      </c>
      <c r="T36" s="130"/>
      <c r="U36" s="131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23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23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29"/>
      <c r="M39" s="30" t="s">
        <v>4</v>
      </c>
      <c r="N39" s="30" t="s">
        <v>10</v>
      </c>
      <c r="O39" s="37"/>
      <c r="Q39" s="32"/>
      <c r="R39" s="29"/>
      <c r="S39" s="29"/>
      <c r="T39" s="29"/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5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4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2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2"/>
      <c r="D41" s="42"/>
      <c r="E41" s="39" t="s">
        <v>4</v>
      </c>
      <c r="F41" s="38" t="s">
        <v>5</v>
      </c>
      <c r="G41" s="37"/>
      <c r="I41" s="31"/>
      <c r="J41" s="39" t="s">
        <v>4</v>
      </c>
      <c r="K41" s="40"/>
      <c r="L41" s="39" t="s">
        <v>6</v>
      </c>
      <c r="M41" s="39" t="s">
        <v>4</v>
      </c>
      <c r="N41" s="38" t="s">
        <v>5</v>
      </c>
      <c r="O41" s="37"/>
      <c r="Q41" s="31"/>
      <c r="R41" s="39" t="s">
        <v>4</v>
      </c>
      <c r="S41" s="42"/>
      <c r="T41" s="39" t="s">
        <v>6</v>
      </c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5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7</v>
      </c>
      <c r="C43" s="40"/>
      <c r="D43" s="39" t="s">
        <v>6</v>
      </c>
      <c r="E43" s="39" t="s">
        <v>4</v>
      </c>
      <c r="F43" s="30" t="s">
        <v>8</v>
      </c>
      <c r="G43" s="37"/>
      <c r="I43" s="31"/>
      <c r="J43" s="39" t="s">
        <v>4</v>
      </c>
      <c r="K43" s="40"/>
      <c r="L43" s="42"/>
      <c r="M43" s="39" t="s">
        <v>4</v>
      </c>
      <c r="N43" s="30" t="s">
        <v>8</v>
      </c>
      <c r="O43" s="37"/>
      <c r="Q43" s="31"/>
      <c r="R43" s="39" t="s">
        <v>4</v>
      </c>
      <c r="S43" s="40"/>
      <c r="T43" s="42"/>
      <c r="U43" s="39" t="s">
        <v>4</v>
      </c>
      <c r="V43" s="38" t="s">
        <v>8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5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4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0"/>
      <c r="D45" s="42"/>
      <c r="E45" s="39" t="s">
        <v>4</v>
      </c>
      <c r="F45" s="38" t="s">
        <v>5</v>
      </c>
      <c r="G45" s="37"/>
      <c r="I45" s="31"/>
      <c r="J45" s="41" t="s">
        <v>7</v>
      </c>
      <c r="K45" s="42"/>
      <c r="L45" s="39" t="s">
        <v>6</v>
      </c>
      <c r="M45" s="39" t="s">
        <v>4</v>
      </c>
      <c r="N45" s="38" t="s">
        <v>5</v>
      </c>
      <c r="O45" s="37"/>
      <c r="Q45" s="31"/>
      <c r="R45" s="39" t="s">
        <v>4</v>
      </c>
      <c r="S45" s="40"/>
      <c r="T45" s="39" t="s">
        <v>6</v>
      </c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35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6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6" t="s">
        <v>20</v>
      </c>
      <c r="D51" s="127"/>
      <c r="E51" s="128"/>
      <c r="G51" s="55"/>
      <c r="K51" s="126" t="s">
        <v>19</v>
      </c>
      <c r="L51" s="127"/>
      <c r="M51" s="128"/>
      <c r="O51" s="55"/>
      <c r="S51" s="129" t="s">
        <v>18</v>
      </c>
      <c r="T51" s="130"/>
      <c r="U51" s="131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23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23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29"/>
      <c r="M54" s="30" t="s">
        <v>4</v>
      </c>
      <c r="N54" s="30" t="s">
        <v>10</v>
      </c>
      <c r="O54" s="37"/>
      <c r="Q54" s="32"/>
      <c r="R54" s="30" t="s">
        <v>4</v>
      </c>
      <c r="S54" s="29"/>
      <c r="T54" s="29"/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5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4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0"/>
      <c r="D56" s="42"/>
      <c r="E56" s="39" t="s">
        <v>4</v>
      </c>
      <c r="F56" s="39" t="s">
        <v>9</v>
      </c>
      <c r="G56" s="37"/>
      <c r="I56" s="31"/>
      <c r="J56" s="39" t="s">
        <v>4</v>
      </c>
      <c r="K56" s="40"/>
      <c r="L56" s="39" t="s">
        <v>6</v>
      </c>
      <c r="M56" s="41" t="s">
        <v>7</v>
      </c>
      <c r="N56" s="39" t="s">
        <v>5</v>
      </c>
      <c r="O56" s="37"/>
      <c r="Q56" s="31"/>
      <c r="R56" s="39" t="s">
        <v>4</v>
      </c>
      <c r="S56" s="40"/>
      <c r="T56" s="39" t="s">
        <v>6</v>
      </c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5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5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7</v>
      </c>
      <c r="C58" s="40"/>
      <c r="D58" s="39" t="s">
        <v>6</v>
      </c>
      <c r="E58" s="39" t="s">
        <v>4</v>
      </c>
      <c r="F58" s="30" t="s">
        <v>8</v>
      </c>
      <c r="G58" s="37"/>
      <c r="I58" s="31"/>
      <c r="J58" s="39" t="s">
        <v>4</v>
      </c>
      <c r="K58" s="40"/>
      <c r="L58" s="42"/>
      <c r="M58" s="39" t="s">
        <v>4</v>
      </c>
      <c r="N58" s="30" t="s">
        <v>8</v>
      </c>
      <c r="O58" s="37"/>
      <c r="Q58" s="31"/>
      <c r="R58" s="39" t="s">
        <v>4</v>
      </c>
      <c r="S58" s="40"/>
      <c r="T58" s="42"/>
      <c r="U58" s="39" t="s">
        <v>4</v>
      </c>
      <c r="V58" s="30" t="s">
        <v>8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5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4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0"/>
      <c r="D60" s="42"/>
      <c r="E60" s="39" t="s">
        <v>4</v>
      </c>
      <c r="F60" s="30" t="s">
        <v>5</v>
      </c>
      <c r="G60" s="37"/>
      <c r="I60" s="31"/>
      <c r="J60" s="39" t="s">
        <v>4</v>
      </c>
      <c r="K60" s="40"/>
      <c r="L60" s="39" t="s">
        <v>6</v>
      </c>
      <c r="M60" s="39" t="s">
        <v>4</v>
      </c>
      <c r="N60" s="38" t="s">
        <v>5</v>
      </c>
      <c r="O60" s="37"/>
      <c r="Q60" s="31"/>
      <c r="R60" s="41" t="s">
        <v>7</v>
      </c>
      <c r="S60" s="40"/>
      <c r="T60" s="39" t="s">
        <v>6</v>
      </c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35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6</v>
      </c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2" t="s">
        <v>0</v>
      </c>
      <c r="P65" s="132"/>
      <c r="Q65" s="132"/>
      <c r="R65" s="132"/>
      <c r="S65" s="132"/>
      <c r="T65" s="132"/>
      <c r="U65" s="132"/>
      <c r="V65" s="132"/>
      <c r="W65" s="8">
        <v>10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0</vt:lpstr>
      <vt:lpstr>'10'!Print_Area</vt:lpstr>
      <vt:lpstr>'1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0:58Z</cp:lastPrinted>
  <dcterms:created xsi:type="dcterms:W3CDTF">2025-12-02T02:32:47Z</dcterms:created>
  <dcterms:modified xsi:type="dcterms:W3CDTF">2025-12-02T07:31:01Z</dcterms:modified>
</cp:coreProperties>
</file>